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7" d="100"/>
          <a:sy n="77" d="100"/>
        </p:scale>
        <p:origin x="514" y="72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Rythem Chauhan" userId="1b8481aea0094c6b" providerId="LiveId" clId="{07843CD9-CB1B-478D-9486-CE069E143752}"/>
    <pc:docChg chg="modSld">
      <pc:chgData name="Rythem Chauhan" userId="1b8481aea0094c6b" providerId="LiveId" clId="{07843CD9-CB1B-478D-9486-CE069E143752}" dt="2025-06-13T20:23:05.463" v="69" actId="1076"/>
      <pc:docMkLst>
        <pc:docMk/>
      </pc:docMkLst>
      <pc:sldChg chg="addSp modSp mod">
        <pc:chgData name="Rythem Chauhan" userId="1b8481aea0094c6b" providerId="LiveId" clId="{07843CD9-CB1B-478D-9486-CE069E143752}" dt="2025-06-13T20:23:05.463" v="69" actId="1076"/>
        <pc:sldMkLst>
          <pc:docMk/>
          <pc:sldMk cId="1551884107" sldId="256"/>
        </pc:sldMkLst>
        <pc:spChg chg="mod">
          <ac:chgData name="Rythem Chauhan" userId="1b8481aea0094c6b" providerId="LiveId" clId="{07843CD9-CB1B-478D-9486-CE069E143752}" dt="2025-06-13T20:22:54.374" v="66" actId="5793"/>
          <ac:spMkLst>
            <pc:docMk/>
            <pc:sldMk cId="1551884107" sldId="256"/>
            <ac:spMk id="5" creationId="{C5D580F8-F832-B79A-E647-0A63F5337C95}"/>
          </ac:spMkLst>
        </pc:spChg>
        <pc:graphicFrameChg chg="add mod">
          <ac:chgData name="Rythem Chauhan" userId="1b8481aea0094c6b" providerId="LiveId" clId="{07843CD9-CB1B-478D-9486-CE069E143752}" dt="2025-06-13T20:23:05.463" v="69" actId="1076"/>
          <ac:graphicFrameMkLst>
            <pc:docMk/>
            <pc:sldMk cId="1551884107" sldId="256"/>
            <ac:graphicFrameMk id="7" creationId="{3F7D3E1A-58DD-1462-E22F-B5CFC88C1A3E}"/>
          </ac:graphicFrameMkLst>
        </pc:graphicFrame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hareholders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</c:dPt>
          <c:dPt>
            <c:idx val="3"/>
            <c:bubble3D val="0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bestFit"/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5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2:$B$5</c:f>
              <c:numCache>
                <c:formatCode>0%</c:formatCode>
                <c:ptCount val="4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BA7-4859-946D-BFF3CB7823CB}"/>
            </c:ext>
          </c:extLst>
        </c:ser>
        <c:dLbls>
          <c:dLblPos val="bestFit"/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b"/>
      <c:legendEntry>
        <c:idx val="3"/>
        <c:delete val="1"/>
      </c:legendEntry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chart" Target="../charts/chart1.xml"/><Relationship Id="rId3" Type="http://schemas.openxmlformats.org/officeDocument/2006/relationships/tags" Target="../tags/tag12.xml"/><Relationship Id="rId7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7.xml"/><Relationship Id="rId1" Type="http://schemas.openxmlformats.org/officeDocument/2006/relationships/tags" Target="../tags/tag1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Producer and marketer of beer, spirits and non-alcoholic beverages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/>
              <a:t>Operations- Manufacturing facilities, distribution and direct sales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Geography of operations: Singapore, Malaysia, China.                  </a:t>
            </a:r>
            <a:r>
              <a:rPr lang="en-IN" sz="900" dirty="0"/>
              <a:t>Headquarters: Singapore. </a:t>
            </a:r>
            <a:endParaRPr lang="en-US" sz="900" dirty="0"/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#1 player in beer and spirits in Singapore &amp; Malaysia and #1 player in non-alcoholic beverages in Malaysi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Outsourced manufacturing- In Malaysia to Brew Co.                                       Own manufacturing-  Singapore and China (recently expanded operations in China)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Strong supply chain, good relationships with distributors and creating new bottling facilities in Cambodia</a:t>
            </a: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309416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292798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9" y="6876079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1C7FC86-B328-0CD3-E51F-96DB06D80837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5728789" y="1942040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/>
              <a:t> </a:t>
            </a:r>
            <a:r>
              <a:rPr lang="en-AU" sz="900" u="sng" dirty="0"/>
              <a:t>FY2020 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/>
              <a:t>Revenue: </a:t>
            </a:r>
            <a:r>
              <a:rPr lang="en-IN" sz="900" dirty="0"/>
              <a:t>1,071 US$mm 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IN" sz="900" dirty="0"/>
              <a:t>EBITDA: 300 US$mm (up 20% pcp )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IN" sz="900" dirty="0"/>
              <a:t>NPAT: 193 US$mm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170000"/>
              <a:buFont typeface="Wingdings" panose="05000000000000000000" pitchFamily="2" charset="2"/>
              <a:buChar char="§"/>
            </a:pPr>
            <a:r>
              <a:rPr lang="en-IN" sz="900" u="sng" dirty="0"/>
              <a:t>EBITDA breakdown by segment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900" dirty="0"/>
              <a:t>Beer: 135 </a:t>
            </a:r>
            <a:r>
              <a:rPr lang="en-IN" sz="900" dirty="0"/>
              <a:t>US$mm </a:t>
            </a:r>
            <a:endParaRPr lang="en-US" sz="900" dirty="0"/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900" dirty="0"/>
              <a:t>Spirits: 105 </a:t>
            </a:r>
            <a:r>
              <a:rPr lang="en-IN" sz="900" dirty="0"/>
              <a:t>US$mm </a:t>
            </a:r>
            <a:endParaRPr lang="en-US" sz="900" dirty="0"/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900" dirty="0"/>
              <a:t>Non-alcoholic beverages: 60 </a:t>
            </a:r>
            <a:r>
              <a:rPr lang="en-IN" sz="900" dirty="0"/>
              <a:t>US$mm 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endParaRPr lang="en-IN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C5D580F8-F832-B79A-E647-0A63F5337C95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795529" y="4583945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0" lvl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900" dirty="0"/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616D8185-2CFA-70F7-B750-AC47B513EF8A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>
          <a:xfrm>
            <a:off x="5728789" y="4614595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EV/EBITDA range of 10.0x – 11.5x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Preliminary valuation = US$ 3,500 mm</a:t>
            </a:r>
            <a:endParaRPr lang="en-AU" sz="900" dirty="0"/>
          </a:p>
        </p:txBody>
      </p:sp>
      <p:graphicFrame>
        <p:nvGraphicFramePr>
          <p:cNvPr id="7" name="Chart 6">
            <a:extLst>
              <a:ext uri="{FF2B5EF4-FFF2-40B4-BE49-F238E27FC236}">
                <a16:creationId xmlns:a16="http://schemas.microsoft.com/office/drawing/2014/main" id="{3F7D3E1A-58DD-1462-E22F-B5CFC88C1A3E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462194598"/>
              </p:ext>
            </p:extLst>
          </p:nvPr>
        </p:nvGraphicFramePr>
        <p:xfrm>
          <a:off x="680457" y="4583801"/>
          <a:ext cx="3990498" cy="212529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16754883"/>
              </p:ext>
            </p:extLst>
          </p:nvPr>
        </p:nvGraphicFramePr>
        <p:xfrm>
          <a:off x="913379" y="1745511"/>
          <a:ext cx="8861879" cy="4600672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Mar 19, 2020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lease of indicative bid document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Access to the Transaction information memorandum (the “Information Memorandum”), vendor due diligence reports and financial forecasts.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Bidders will have the opportunity to submit no </a:t>
                      </a: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more than 20 questions</a:t>
                      </a: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 via the form outlined in Appendix I to Financial Advisor 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Submission of  Bid Documents containing information about- </a:t>
                      </a:r>
                      <a:r>
                        <a:rPr lang="en-IN" dirty="0">
                          <a:solidFill>
                            <a:schemeClr val="tx1"/>
                          </a:solidFill>
                          <a:latin typeface="+mn-lt"/>
                        </a:rPr>
                        <a:t>Purchaser, Purchase Price, Assumptions, Sources of Funds, Due Diligence, Timing and Contingencies, Structure, Advisors, Additional Information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Apr 9, 2020 (9am) -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Apr 13, 2020 (5pm)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Indicative Bid Q&amp;A Process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May 13, 2020 (5pm)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Submission of Indicative Bid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Late May 2020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Start of final bid phas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Release of Process Letter Two and a short list of Bidders will be chosen to progress to the Final Bid Phase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Shortlisted Bidders will be provided with: Further access to the electronic data room populated with due diligence materials; • Guided site visits; • Presentations from </a:t>
                      </a:r>
                      <a:r>
                        <a:rPr lang="en-US" dirty="0" err="1">
                          <a:solidFill>
                            <a:schemeClr val="tx1"/>
                          </a:solidFill>
                        </a:rPr>
                        <a:t>HappyHour’s</a:t>
                      </a:r>
                      <a:r>
                        <a:rPr lang="en-US" dirty="0">
                          <a:solidFill>
                            <a:schemeClr val="tx1"/>
                          </a:solidFill>
                        </a:rPr>
                        <a:t> management team; • An additional question and answer process; and • Transaction implementation documentation. 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IN" dirty="0">
                          <a:solidFill>
                            <a:schemeClr val="tx1"/>
                          </a:solidFill>
                        </a:rPr>
                        <a:t>Late July 2020</a:t>
                      </a:r>
                      <a:endParaRPr lang="en-US" sz="900" b="0" i="0" u="none" strike="noStrike" cap="none" baseline="0" dirty="0">
                        <a:solidFill>
                          <a:schemeClr val="tx1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1"/>
                          </a:solidFill>
                          <a:effectLst/>
                          <a:latin typeface="Times New Roman" panose="02020603050405020304" pitchFamily="18" charset="0"/>
                        </a:rPr>
                        <a:t>Submission of 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301</TotalTime>
  <Words>385</Words>
  <Application>Microsoft Office PowerPoint</Application>
  <PresentationFormat>Custom</PresentationFormat>
  <Paragraphs>55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Rythem Chauhan</cp:lastModifiedBy>
  <cp:revision>22</cp:revision>
  <dcterms:created xsi:type="dcterms:W3CDTF">2020-04-17T12:29:06Z</dcterms:created>
  <dcterms:modified xsi:type="dcterms:W3CDTF">2025-06-13T20:24:02Z</dcterms:modified>
</cp:coreProperties>
</file>